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showOutlineIcons="0">
    <p:restoredLeft sz="34587" autoAdjust="0"/>
    <p:restoredTop sz="86453" autoAdjust="0"/>
  </p:normalViewPr>
  <p:slideViewPr>
    <p:cSldViewPr snapToGrid="0">
      <p:cViewPr>
        <p:scale>
          <a:sx n="66" d="100"/>
          <a:sy n="66" d="100"/>
        </p:scale>
        <p:origin x="1104" y="10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0-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0-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mbach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Aanvragen</a:t>
            </a: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A8F67D4-957B-91B6-82C9-F3D599A2238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13434" y="4907756"/>
            <a:ext cx="2195971" cy="16557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118B778D-7CCC-E87E-6605-C58584C3FFA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2075" y="4020457"/>
            <a:ext cx="1726630" cy="130187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6-10T10:08:56Z</dcterms:modified>
</cp:coreProperties>
</file>